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754E48" w:rsidR="009E072F" w:rsidP="00FC732D" w:rsidRDefault="00B4414D" w14:paraId="66754DD6" w14:textId="77777777">
      <w:pPr>
        <w:jc w:val="center"/>
        <w:rPr>
          <w:b/>
          <w:bCs/>
          <w:color w:val="000000"/>
          <w:sz w:val="24"/>
          <w:szCs w:val="24"/>
          <w:lang w:val="en-US" w:eastAsia="sv-SE"/>
        </w:rPr>
      </w:pPr>
      <w:r w:rsidRPr="00754E48">
        <w:rPr>
          <w:b/>
          <w:bCs/>
          <w:color w:val="000000"/>
          <w:sz w:val="24"/>
          <w:szCs w:val="24"/>
          <w:lang w:val="en-US" w:eastAsia="sv-SE"/>
        </w:rPr>
        <w:t>PROXY FORM</w:t>
      </w:r>
    </w:p>
    <w:p w:rsidRPr="00754E48" w:rsidR="009E072F" w:rsidP="00FC732D" w:rsidRDefault="008F50E9" w14:paraId="3D37E69B" w14:textId="77777777">
      <w:pPr>
        <w:jc w:val="center"/>
        <w:rPr>
          <w:bCs/>
          <w:color w:val="000000"/>
          <w:sz w:val="22"/>
          <w:szCs w:val="22"/>
          <w:lang w:val="en-US" w:eastAsia="sv-SE"/>
        </w:rPr>
      </w:pPr>
    </w:p>
    <w:p w:rsidRPr="00754E48" w:rsidR="009E072F" w:rsidP="00273EA1" w:rsidRDefault="00B4414D" w14:paraId="24969650" w14:textId="0BBAF673">
      <w:pPr>
        <w:rPr>
          <w:bCs/>
          <w:color w:val="000000"/>
          <w:sz w:val="22"/>
          <w:szCs w:val="22"/>
          <w:lang w:val="en-US" w:eastAsia="sv-SE"/>
        </w:rPr>
      </w:pPr>
      <w:r w:rsidRPr="00754E48">
        <w:rPr>
          <w:bCs/>
          <w:color w:val="000000"/>
          <w:sz w:val="22"/>
          <w:szCs w:val="22"/>
          <w:lang w:val="en-US" w:eastAsia="sv-SE"/>
        </w:rPr>
        <w:t xml:space="preserve">The below proxy holder, or anyone the proxy holder appoints in his/her stead, is hereby authorized to represent and vote for all of the undersigned’s shares in </w:t>
      </w:r>
      <w:r w:rsidR="009A0AC3">
        <w:rPr>
          <w:sz w:val="22"/>
          <w:lang w:val="en-US"/>
        </w:rPr>
        <w:t>Ovzon</w:t>
      </w:r>
      <w:r w:rsidRPr="00B4414D">
        <w:rPr>
          <w:sz w:val="22"/>
          <w:lang w:val="en-US"/>
        </w:rPr>
        <w:t xml:space="preserve"> AB (publ)</w:t>
      </w:r>
      <w:r w:rsidRPr="00D40347">
        <w:rPr>
          <w:sz w:val="22"/>
          <w:lang w:val="en-US"/>
        </w:rPr>
        <w:t xml:space="preserve">, </w:t>
      </w:r>
      <w:r>
        <w:rPr>
          <w:sz w:val="22"/>
          <w:lang w:val="en-US"/>
        </w:rPr>
        <w:t>reg. no.</w:t>
      </w:r>
      <w:r w:rsidRPr="009A0AC3" w:rsidR="009A0AC3">
        <w:rPr>
          <w:lang w:val="en-US"/>
        </w:rPr>
        <w:t xml:space="preserve"> </w:t>
      </w:r>
      <w:r w:rsidRPr="009A0AC3" w:rsidR="009A0AC3">
        <w:rPr>
          <w:sz w:val="22"/>
          <w:lang w:val="en-US"/>
        </w:rPr>
        <w:t>559079-2650</w:t>
      </w:r>
      <w:r w:rsidRPr="00754E48">
        <w:rPr>
          <w:bCs/>
          <w:color w:val="000000"/>
          <w:sz w:val="22"/>
          <w:szCs w:val="22"/>
          <w:lang w:val="en-US" w:eastAsia="sv-SE"/>
        </w:rPr>
        <w:t>, at the</w:t>
      </w:r>
      <w:r w:rsidR="000410FC">
        <w:rPr>
          <w:bCs/>
          <w:color w:val="000000"/>
          <w:sz w:val="22"/>
          <w:szCs w:val="22"/>
          <w:lang w:val="en-US" w:eastAsia="sv-SE"/>
        </w:rPr>
        <w:t xml:space="preserve"> </w:t>
      </w:r>
      <w:r w:rsidR="000741FA">
        <w:rPr>
          <w:bCs/>
          <w:color w:val="000000"/>
          <w:sz w:val="22"/>
          <w:szCs w:val="22"/>
          <w:lang w:val="en-US" w:eastAsia="sv-SE"/>
        </w:rPr>
        <w:t>annual</w:t>
      </w:r>
      <w:r w:rsidRPr="00754E48">
        <w:rPr>
          <w:bCs/>
          <w:color w:val="000000"/>
          <w:sz w:val="22"/>
          <w:szCs w:val="22"/>
          <w:lang w:val="en-US" w:eastAsia="sv-SE"/>
        </w:rPr>
        <w:t xml:space="preserve"> general meeting on </w:t>
      </w:r>
      <w:r w:rsidR="00AF7E7C">
        <w:rPr>
          <w:bCs/>
          <w:color w:val="000000"/>
          <w:sz w:val="22"/>
          <w:szCs w:val="22"/>
          <w:lang w:val="en-US" w:eastAsia="sv-SE"/>
        </w:rPr>
        <w:t>2</w:t>
      </w:r>
      <w:r w:rsidR="00A02580">
        <w:rPr>
          <w:bCs/>
          <w:color w:val="000000"/>
          <w:sz w:val="22"/>
          <w:szCs w:val="22"/>
          <w:lang w:val="en-US" w:eastAsia="sv-SE"/>
        </w:rPr>
        <w:t>0</w:t>
      </w:r>
      <w:r w:rsidR="00AF7E7C">
        <w:rPr>
          <w:bCs/>
          <w:color w:val="000000"/>
          <w:sz w:val="22"/>
          <w:szCs w:val="22"/>
          <w:lang w:val="en-US" w:eastAsia="sv-SE"/>
        </w:rPr>
        <w:t xml:space="preserve"> April 202</w:t>
      </w:r>
      <w:r w:rsidR="00A02580">
        <w:rPr>
          <w:bCs/>
          <w:color w:val="000000"/>
          <w:sz w:val="22"/>
          <w:szCs w:val="22"/>
          <w:lang w:val="en-US" w:eastAsia="sv-SE"/>
        </w:rPr>
        <w:t>3</w:t>
      </w:r>
      <w:r>
        <w:rPr>
          <w:bCs/>
          <w:color w:val="000000"/>
          <w:sz w:val="22"/>
          <w:szCs w:val="22"/>
          <w:lang w:val="en-US" w:eastAsia="sv-SE"/>
        </w:rPr>
        <w:t>.</w:t>
      </w:r>
    </w:p>
    <w:p w:rsidRPr="00754E48" w:rsidR="009E072F" w:rsidP="009E072F" w:rsidRDefault="008F50E9" w14:paraId="401131E9" w14:textId="77777777">
      <w:pPr>
        <w:rPr>
          <w:bCs/>
          <w:color w:val="000000"/>
          <w:sz w:val="22"/>
          <w:szCs w:val="22"/>
          <w:lang w:val="en-US" w:eastAsia="sv-SE"/>
        </w:rPr>
      </w:pPr>
    </w:p>
    <w:p w:rsidRPr="00754E48" w:rsidR="009E072F" w:rsidP="009E072F" w:rsidRDefault="00B4414D" w14:paraId="6EB48FFC" w14:textId="77777777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Proxy holder</w:t>
      </w:r>
    </w:p>
    <w:p w:rsidRPr="00754E48" w:rsidR="009E072F" w:rsidP="0053590B" w:rsidRDefault="008F50E9" w14:paraId="2004964F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4562"/>
        <w:gridCol w:w="4674"/>
      </w:tblGrid>
      <w:tr w:rsidRPr="008F50E9" w:rsidR="009655D4" w:rsidTr="00C22A60" w14:paraId="7BD10455" w14:textId="77777777">
        <w:tc>
          <w:tcPr>
            <w:tcW w:w="4677" w:type="dxa"/>
            <w:shd w:val="clear" w:color="auto" w:fill="auto"/>
          </w:tcPr>
          <w:p w:rsidRPr="00754E48" w:rsidR="009E072F" w:rsidP="009E072F" w:rsidRDefault="00B4414D" w14:paraId="6B070D91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proxy holder</w:t>
            </w:r>
          </w:p>
          <w:p w:rsidRPr="00754E48" w:rsidR="00AB32EA" w:rsidP="009E072F" w:rsidRDefault="008F50E9" w14:paraId="08A06EB6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0DC3F97D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3246DAD2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9E072F" w:rsidP="009E072F" w:rsidRDefault="00B4414D" w14:paraId="63457CC9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 / date of birth</w:t>
            </w:r>
          </w:p>
        </w:tc>
      </w:tr>
      <w:tr w:rsidR="009655D4" w:rsidTr="00C22A60" w14:paraId="2F778089" w14:textId="77777777">
        <w:tc>
          <w:tcPr>
            <w:tcW w:w="9462" w:type="dxa"/>
            <w:gridSpan w:val="2"/>
            <w:shd w:val="clear" w:color="auto" w:fill="auto"/>
          </w:tcPr>
          <w:p w:rsidRPr="00754E48" w:rsidR="00AB32EA" w:rsidP="009E072F" w:rsidRDefault="00B4414D" w14:paraId="1CA01E80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Mailing address</w:t>
            </w:r>
          </w:p>
          <w:p w:rsidRPr="00754E48" w:rsidR="00AB32EA" w:rsidP="009E072F" w:rsidRDefault="008F50E9" w14:paraId="45BEE473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474EE259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384E509E" w14:textId="77777777">
            <w:pPr>
              <w:rPr>
                <w:bCs/>
                <w:color w:val="000000"/>
                <w:lang w:val="en-US" w:eastAsia="sv-SE"/>
              </w:rPr>
            </w:pPr>
          </w:p>
        </w:tc>
      </w:tr>
      <w:tr w:rsidR="009655D4" w:rsidTr="00C22A60" w14:paraId="7A83EE66" w14:textId="77777777">
        <w:tc>
          <w:tcPr>
            <w:tcW w:w="4677" w:type="dxa"/>
            <w:shd w:val="clear" w:color="auto" w:fill="auto"/>
          </w:tcPr>
          <w:p w:rsidRPr="00754E48" w:rsidR="009E072F" w:rsidP="009E072F" w:rsidRDefault="00B4414D" w14:paraId="168AD805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ostal code and country</w:t>
            </w:r>
          </w:p>
          <w:p w:rsidRPr="00754E48" w:rsidR="00AB32EA" w:rsidP="009E072F" w:rsidRDefault="008F50E9" w14:paraId="678DFFE5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4D9EEA5A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8F50E9" w14:paraId="649169B1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9E072F" w:rsidP="009E072F" w:rsidRDefault="00B4414D" w14:paraId="399093D4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</w:tbl>
    <w:p w:rsidRPr="00754E48" w:rsidR="009E072F" w:rsidP="009E072F" w:rsidRDefault="008F50E9" w14:paraId="325DBCB6" w14:textId="77777777">
      <w:pPr>
        <w:rPr>
          <w:bCs/>
          <w:color w:val="000000"/>
          <w:sz w:val="22"/>
          <w:szCs w:val="22"/>
          <w:lang w:val="en-US" w:eastAsia="sv-SE"/>
        </w:rPr>
      </w:pPr>
    </w:p>
    <w:p w:rsidRPr="00754E48" w:rsidR="009E705D" w:rsidP="009E072F" w:rsidRDefault="008F50E9" w14:paraId="511D5D1F" w14:textId="77777777">
      <w:pPr>
        <w:rPr>
          <w:b/>
          <w:bCs/>
          <w:color w:val="000000"/>
          <w:sz w:val="22"/>
          <w:szCs w:val="22"/>
          <w:lang w:val="en-US" w:eastAsia="sv-SE"/>
        </w:rPr>
      </w:pPr>
    </w:p>
    <w:p w:rsidRPr="00754E48" w:rsidR="009E072F" w:rsidP="009E072F" w:rsidRDefault="00B4414D" w14:paraId="6E8A4148" w14:textId="77777777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Signature by shareholder</w:t>
      </w:r>
    </w:p>
    <w:p w:rsidRPr="00754E48" w:rsidR="0026488C" w:rsidP="009E072F" w:rsidRDefault="008F50E9" w14:paraId="48F74AE3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4558"/>
        <w:gridCol w:w="4678"/>
      </w:tblGrid>
      <w:tr w:rsidRPr="008F50E9" w:rsidR="009655D4" w:rsidTr="00C22A60" w14:paraId="6A152497" w14:textId="77777777">
        <w:tc>
          <w:tcPr>
            <w:tcW w:w="4677" w:type="dxa"/>
            <w:shd w:val="clear" w:color="auto" w:fill="auto"/>
          </w:tcPr>
          <w:p w:rsidRPr="00754E48" w:rsidR="0026488C" w:rsidP="00C22A60" w:rsidRDefault="00B4414D" w14:paraId="5200B750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shareholder</w:t>
            </w:r>
          </w:p>
          <w:p w:rsidRPr="00754E48" w:rsidR="0026488C" w:rsidP="00C22A60" w:rsidRDefault="008F50E9" w14:paraId="00855188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15957D3D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22F254CB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26488C" w:rsidP="00352915" w:rsidRDefault="00B4414D" w14:paraId="45ABC799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 / date of birth/Registration number</w:t>
            </w:r>
          </w:p>
        </w:tc>
      </w:tr>
      <w:tr w:rsidR="009655D4" w:rsidTr="00C22A60" w14:paraId="3BEA78CC" w14:textId="77777777">
        <w:tc>
          <w:tcPr>
            <w:tcW w:w="4677" w:type="dxa"/>
            <w:shd w:val="clear" w:color="auto" w:fill="auto"/>
          </w:tcPr>
          <w:p w:rsidRPr="00754E48" w:rsidR="0026488C" w:rsidP="00C22A60" w:rsidRDefault="00B4414D" w14:paraId="48299B82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lace and date</w:t>
            </w:r>
          </w:p>
          <w:p w:rsidRPr="00754E48" w:rsidR="0026488C" w:rsidP="00C22A60" w:rsidRDefault="008F50E9" w14:paraId="7F3F9E38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46A5BBEF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5F27A7C0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26488C" w:rsidP="00C22A60" w:rsidRDefault="00B4414D" w14:paraId="0F5B481F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  <w:tr w:rsidR="009655D4" w:rsidTr="00C22A60" w14:paraId="0F1E3BE6" w14:textId="77777777">
        <w:tc>
          <w:tcPr>
            <w:tcW w:w="9462" w:type="dxa"/>
            <w:gridSpan w:val="2"/>
            <w:shd w:val="clear" w:color="auto" w:fill="auto"/>
          </w:tcPr>
          <w:p w:rsidRPr="00754E48" w:rsidR="0026488C" w:rsidP="00C22A60" w:rsidRDefault="00B4414D" w14:paraId="2D28F20B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Signature*</w:t>
            </w:r>
          </w:p>
          <w:p w:rsidRPr="00754E48" w:rsidR="0026488C" w:rsidP="00C22A60" w:rsidRDefault="008F50E9" w14:paraId="16DA51DC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508331CC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8F50E9" w14:paraId="541A46E2" w14:textId="77777777">
            <w:pPr>
              <w:rPr>
                <w:bCs/>
                <w:color w:val="000000"/>
                <w:lang w:val="en-US" w:eastAsia="sv-SE"/>
              </w:rPr>
            </w:pPr>
          </w:p>
        </w:tc>
      </w:tr>
    </w:tbl>
    <w:p w:rsidRPr="00754E48" w:rsidR="0026488C" w:rsidP="009E072F" w:rsidRDefault="00B4414D" w14:paraId="15EC9A55" w14:textId="77777777">
      <w:pPr>
        <w:rPr>
          <w:bCs/>
          <w:color w:val="000000"/>
          <w:lang w:val="en-US" w:eastAsia="sv-SE"/>
        </w:rPr>
      </w:pPr>
      <w:r w:rsidRPr="00754E48">
        <w:rPr>
          <w:bCs/>
          <w:color w:val="000000"/>
          <w:lang w:val="en-US" w:eastAsia="sv-SE"/>
        </w:rPr>
        <w:t xml:space="preserve">* In case of signing on behalf of a legal entity, the name of the signatory shall be printed next to the signature and an up-to-date certificate of registration (or a similar document) shall be attached to the proxy form. </w:t>
      </w:r>
    </w:p>
    <w:p w:rsidRPr="00754E48" w:rsidR="0026488C" w:rsidP="009E072F" w:rsidRDefault="008F50E9" w14:paraId="30E97610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9236"/>
      </w:tblGrid>
      <w:tr w:rsidRPr="008F50E9" w:rsidR="009655D4" w:rsidTr="00C22A60" w14:paraId="43564ADA" w14:textId="77777777">
        <w:tc>
          <w:tcPr>
            <w:tcW w:w="9462" w:type="dxa"/>
            <w:shd w:val="clear" w:color="auto" w:fill="auto"/>
          </w:tcPr>
          <w:p w:rsidRPr="00F4413B" w:rsidR="00715EC9" w:rsidP="00BA0D2F" w:rsidRDefault="00B4414D" w14:paraId="07630CB9" w14:textId="77777777">
            <w:pPr>
              <w:jc w:val="both"/>
              <w:rPr>
                <w:bCs/>
                <w:color w:val="000000"/>
                <w:lang w:val="en-US" w:eastAsia="sv-SE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Please note that notification of a shareholder’s participation at the general meeting must be made in accordance with the procedures described in the notice of the general meeting, even if the shareholder wishes to exercise his/her voting powers by proxy. A submitted proxy form is </w:t>
            </w:r>
            <w:r w:rsidRPr="00F4413B">
              <w:rPr>
                <w:bCs/>
                <w:color w:val="000000"/>
                <w:u w:val="single"/>
                <w:lang w:val="en-US" w:eastAsia="sv-SE"/>
              </w:rPr>
              <w:t>not</w:t>
            </w:r>
            <w:r w:rsidRPr="00F4413B">
              <w:rPr>
                <w:bCs/>
                <w:color w:val="000000"/>
                <w:lang w:val="en-US" w:eastAsia="sv-SE"/>
              </w:rPr>
              <w:t xml:space="preserve"> valid as notification of a shareholder’s participation.</w:t>
            </w:r>
          </w:p>
          <w:p w:rsidRPr="00F4413B" w:rsidR="00715EC9" w:rsidP="00BA0D2F" w:rsidRDefault="008F50E9" w14:paraId="7DEBBE90" w14:textId="77777777">
            <w:pPr>
              <w:jc w:val="both"/>
              <w:rPr>
                <w:bCs/>
                <w:color w:val="000000"/>
                <w:lang w:val="en-US" w:eastAsia="sv-SE"/>
              </w:rPr>
            </w:pPr>
          </w:p>
          <w:p w:rsidR="0026488C" w:rsidP="00F4413B" w:rsidRDefault="00B4414D" w14:paraId="57FAA4B4" w14:textId="1F9ECD64">
            <w:pPr>
              <w:jc w:val="both"/>
              <w:rPr>
                <w:lang w:val="en-US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The filled in proxy form (including any attachments) should be submitted to </w:t>
            </w:r>
            <w:r w:rsidR="005A25C8">
              <w:rPr>
                <w:lang w:val="en-US"/>
              </w:rPr>
              <w:t>AGM 202</w:t>
            </w:r>
            <w:r w:rsidR="00A02580">
              <w:rPr>
                <w:lang w:val="en-US"/>
              </w:rPr>
              <w:t>3</w:t>
            </w:r>
            <w:r w:rsidRPr="00F4413B">
              <w:rPr>
                <w:lang w:val="en-US"/>
              </w:rPr>
              <w:t xml:space="preserve">, </w:t>
            </w:r>
            <w:r w:rsidRPr="00F4413B" w:rsidR="009A0AC3">
              <w:rPr>
                <w:lang w:val="en-US"/>
              </w:rPr>
              <w:t>Ovzon</w:t>
            </w:r>
            <w:r w:rsidRPr="00F4413B">
              <w:rPr>
                <w:lang w:val="en-US"/>
              </w:rPr>
              <w:t xml:space="preserve"> AB (publ), </w:t>
            </w:r>
            <w:r w:rsidRPr="00F4413B" w:rsidR="009A0AC3">
              <w:rPr>
                <w:lang w:val="en-US"/>
              </w:rPr>
              <w:t xml:space="preserve">c/o Baker &amp; McKenzie Advokatbyrå KB, Attn: </w:t>
            </w:r>
            <w:r w:rsidR="00AF7E7C">
              <w:rPr>
                <w:lang w:val="en-US"/>
              </w:rPr>
              <w:t xml:space="preserve">Carl </w:t>
            </w:r>
            <w:r w:rsidR="008F50E9">
              <w:rPr>
                <w:lang w:val="en-US"/>
              </w:rPr>
              <w:t>Bohman</w:t>
            </w:r>
            <w:r w:rsidRPr="00F4413B" w:rsidR="009A0AC3">
              <w:rPr>
                <w:lang w:val="en-US"/>
              </w:rPr>
              <w:t>, Box 180, 101 23 Stockholm,</w:t>
            </w:r>
            <w:r w:rsidRPr="00F4413B">
              <w:rPr>
                <w:lang w:val="en-US"/>
              </w:rPr>
              <w:t xml:space="preserve"> together with the </w:t>
            </w:r>
            <w:r w:rsidR="00F4413B">
              <w:rPr>
                <w:bCs/>
                <w:color w:val="000000"/>
                <w:lang w:val="en-US" w:eastAsia="sv-SE"/>
              </w:rPr>
              <w:t>notification of the shareholder'</w:t>
            </w:r>
            <w:r w:rsidRPr="00F4413B">
              <w:rPr>
                <w:bCs/>
                <w:color w:val="000000"/>
                <w:lang w:val="en-US" w:eastAsia="sv-SE"/>
              </w:rPr>
              <w:t>s participation</w:t>
            </w:r>
            <w:r w:rsidRPr="00F4413B">
              <w:rPr>
                <w:lang w:val="en-US"/>
              </w:rPr>
              <w:t xml:space="preserve"> well in advance of the general meeting. If the shareholder does not want to exercise his/her/its voting rights trough a proxy holder the proxy form does </w:t>
            </w:r>
            <w:r w:rsidRPr="00F4413B">
              <w:rPr>
                <w:u w:val="single"/>
                <w:lang w:val="en-US"/>
              </w:rPr>
              <w:t>not</w:t>
            </w:r>
            <w:r w:rsidRPr="00F4413B">
              <w:rPr>
                <w:lang w:val="en-US"/>
              </w:rPr>
              <w:t xml:space="preserve"> have to be submitted.</w:t>
            </w:r>
          </w:p>
          <w:p w:rsidR="00055551" w:rsidP="00F4413B" w:rsidRDefault="00055551" w14:paraId="458D7A1D" w14:textId="77777777">
            <w:pPr>
              <w:jc w:val="both"/>
              <w:rPr>
                <w:bCs/>
                <w:color w:val="000000"/>
                <w:sz w:val="22"/>
                <w:lang w:val="en-US"/>
              </w:rPr>
            </w:pPr>
          </w:p>
          <w:p w:rsidRPr="000741FA" w:rsidR="00055551" w:rsidP="00055551" w:rsidRDefault="00055551" w14:paraId="5F927384" w14:textId="77777777">
            <w:pPr>
              <w:jc w:val="both"/>
              <w:rPr>
                <w:lang w:val="en-US"/>
              </w:rPr>
            </w:pPr>
            <w:r w:rsidRPr="000741FA">
              <w:rPr>
                <w:lang w:val="en-US"/>
              </w:rPr>
              <w:t>Processing of personal data</w:t>
            </w:r>
          </w:p>
          <w:p w:rsidRPr="00754E48" w:rsidR="00055551" w:rsidP="00055551" w:rsidRDefault="00055551" w14:paraId="106665A6" w14:textId="77777777">
            <w:pPr>
              <w:jc w:val="both"/>
              <w:rPr>
                <w:bCs/>
                <w:color w:val="000000"/>
                <w:sz w:val="22"/>
                <w:szCs w:val="22"/>
                <w:lang w:val="en-US" w:eastAsia="sv-SE"/>
              </w:rPr>
            </w:pPr>
            <w:r w:rsidRPr="000741FA">
              <w:rPr>
                <w:lang w:val="en-US"/>
              </w:rPr>
              <w:t>For information on how personal data is processed in relation the meeting, see the Privacy notice available on Euroclear Sweden AB’s website: https://www.euroclear.com/dam/ESw/Legal/Privacy-notice-bolagsstammorengelska.pdf.</w:t>
            </w:r>
          </w:p>
        </w:tc>
      </w:tr>
    </w:tbl>
    <w:p w:rsidRPr="00754E48" w:rsidR="002207F1" w:rsidRDefault="008F50E9" w14:paraId="608253DA" w14:textId="77777777">
      <w:pPr>
        <w:rPr>
          <w:sz w:val="22"/>
          <w:szCs w:val="22"/>
          <w:lang w:val="en-US"/>
        </w:rPr>
      </w:pPr>
    </w:p>
    <w:sectPr w:rsidRPr="00754E48" w:rsidR="002207F1" w:rsidSect="00FC732D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1906" w:h="16838"/>
      <w:pgMar w:top="1701" w:right="1276" w:bottom="1701" w:left="1276" w:header="720" w:footer="720" w:gutter="0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2161E8" w:rsidRDefault="00B4414D" w14:paraId="680D8495" w14:textId="77777777">
      <w:r>
        <w:separator/>
      </w:r>
    </w:p>
  </w:endnote>
  <w:endnote w:type="continuationSeparator" w:id="0">
    <w:p w:rsidR="002161E8" w:rsidRDefault="00B4414D" w14:paraId="5CC889F3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30D04EB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C732D" w:rsidP="00FC732D" w:rsidRDefault="008F50E9" w14:paraId="13E54EE0" w14:textId="77777777">
    <w:pPr>
      <w:pStyle w:val="Footer"/>
    </w:pPr>
  </w:p>
  <w:p w:rsidR="00FC732D" w:rsidP="00FC732D" w:rsidRDefault="008F50E9" w14:paraId="5F0F94C8" w14:textId="77777777">
    <w:pPr>
      <w:pStyle w:val="Footer"/>
    </w:pPr>
  </w:p>
  <w:p w:rsidR="00FC732D" w:rsidP="00FC732D" w:rsidRDefault="008F50E9" w14:paraId="73CB9957" w14:textId="77777777">
    <w:pPr>
      <w:pStyle w:val="Footer"/>
      <w:rPr>
        <w:rFonts w:ascii="Arial" w:hAnsi="Arial" w:cs="Arial"/>
        <w:sz w:val="16"/>
      </w:rPr>
    </w:pPr>
  </w:p>
  <w:p w:rsidR="00445AEE" w:rsidP="00FC732D" w:rsidRDefault="00B4414D" w14:paraId="64C692E4" w14:textId="77777777">
    <w:pPr>
      <w:pStyle w:val="Footer"/>
    </w:pPr>
    <w:r>
      <w:t>1741916-v1\STODMS</w:t>
    </w:r>
  </w:p>
  <w:p w:rsidRPr="008720BD" w:rsidR="00DD3D48" w:rsidP="00445AEE" w:rsidRDefault="00445AEE" w14:paraId="30FE316F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45AEE">
      <w:rPr>
        <w:sz w:val="14"/>
      </w:rPr>
      <w:instrText>IF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VARIABLE "SWDocIDLocation" </w:instrText>
    </w:r>
    <w:r w:rsidRPr="00445AEE">
      <w:rPr>
        <w:sz w:val="14"/>
      </w:rPr>
      <w:fldChar w:fldCharType="separate"/>
    </w:r>
    <w:r w:rsidR="00C23A47">
      <w:rPr>
        <w:sz w:val="14"/>
      </w:rPr>
      <w:instrText>1</w:instrText>
    </w:r>
    <w:r w:rsidRPr="00445AEE">
      <w:rPr>
        <w:sz w:val="14"/>
      </w:rPr>
      <w:fldChar w:fldCharType="end"/>
    </w:r>
    <w:r w:rsidRPr="00445AEE">
      <w:rPr>
        <w:sz w:val="14"/>
      </w:rPr>
      <w:instrText>" = "1"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PROPERTY "SWDocID" </w:instrText>
    </w:r>
    <w:r w:rsidRPr="00445AEE">
      <w:rPr>
        <w:sz w:val="14"/>
      </w:rPr>
      <w:fldChar w:fldCharType="separate"/>
    </w:r>
    <w:r w:rsidR="00C23A47">
      <w:rPr>
        <w:sz w:val="14"/>
      </w:rPr>
      <w:instrText>2747900-v2\STODMS</w:instrText>
    </w:r>
    <w:r w:rsidRPr="00445AEE">
      <w:rPr>
        <w:sz w:val="14"/>
      </w:rPr>
      <w:fldChar w:fldCharType="end"/>
    </w:r>
    <w:r w:rsidRPr="00445AEE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C23A47">
      <w:rPr>
        <w:noProof/>
        <w:sz w:val="14"/>
      </w:rPr>
      <w:t>2747900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E0B7085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2161E8" w:rsidRDefault="00B4414D" w14:paraId="02D7B70E" w14:textId="77777777">
      <w:r>
        <w:separator/>
      </w:r>
    </w:p>
  </w:footnote>
  <w:footnote w:type="continuationSeparator" w:id="0">
    <w:p w:rsidR="002161E8" w:rsidRDefault="00B4414D" w14:paraId="255312DF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6A3D0ED8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226C23BB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6573D68" w14:textId="77777777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1304"/>
  <w:hyphenationZone w:val="425"/>
  <w:characterSpacingControl w:val="doNotCompress"/>
  <w:hdrShapeDefaults>
    <o:shapedefaults v:ext="edit" spidmax="3481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655D4"/>
    <w:rsid w:val="000410FC"/>
    <w:rsid w:val="00055551"/>
    <w:rsid w:val="000741FA"/>
    <w:rsid w:val="001D473A"/>
    <w:rsid w:val="002020B2"/>
    <w:rsid w:val="002161E8"/>
    <w:rsid w:val="002E6E61"/>
    <w:rsid w:val="003111C3"/>
    <w:rsid w:val="003234CE"/>
    <w:rsid w:val="003D0415"/>
    <w:rsid w:val="00445AEE"/>
    <w:rsid w:val="00481F09"/>
    <w:rsid w:val="004A1AF3"/>
    <w:rsid w:val="004E2845"/>
    <w:rsid w:val="005A25C8"/>
    <w:rsid w:val="005C5B05"/>
    <w:rsid w:val="00626E7F"/>
    <w:rsid w:val="006A5A36"/>
    <w:rsid w:val="007211BD"/>
    <w:rsid w:val="008039EA"/>
    <w:rsid w:val="00832DD0"/>
    <w:rsid w:val="008D04DD"/>
    <w:rsid w:val="008F50E9"/>
    <w:rsid w:val="009655D4"/>
    <w:rsid w:val="009A0AC3"/>
    <w:rsid w:val="009C2746"/>
    <w:rsid w:val="00A02580"/>
    <w:rsid w:val="00A24D54"/>
    <w:rsid w:val="00AF7E7C"/>
    <w:rsid w:val="00B4414D"/>
    <w:rsid w:val="00B471A5"/>
    <w:rsid w:val="00B563BF"/>
    <w:rsid w:val="00C23A47"/>
    <w:rsid w:val="00C25459"/>
    <w:rsid w:val="00CF2CA6"/>
    <w:rsid w:val="00DA01CD"/>
    <w:rsid w:val="00EB7E54"/>
    <w:rsid w:val="00F4413B"/>
    <w:rsid w:val="00F668F6"/>
    <w:rsid w:val="00FB79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4817"/>
    <o:shapelayout v:ext="edit">
      <o:idmap v:ext="edit" data="1"/>
    </o:shapelayout>
  </w:shapeDefaults>
  <w:decimalSymbol w:val=","/>
  <w:listSeparator w:val=";"/>
  <w14:docId w14:val="1105C82A"/>
  <w15:docId w15:val="{55326ADC-ED82-4BB6-96DB-CA6E5705640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sid w:val="00FC732D"/>
    <w:rPr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Footer">
    <w:name w:val="footer"/>
    <w:basedOn w:val="Normal"/>
    <w:rsid w:val="00FC732D"/>
    <w:pPr>
      <w:tabs>
        <w:tab w:val="center" w:pos="4536"/>
        <w:tab w:val="right" w:pos="9072"/>
      </w:tabs>
    </w:pPr>
  </w:style>
  <w:style w:type="paragraph" w:styleId="BodyText">
    <w:name w:val="Body Text"/>
    <w:basedOn w:val="Normal"/>
    <w:autoRedefine/>
    <w:rsid w:val="00FC732D"/>
    <w:pPr>
      <w:spacing w:after="160"/>
    </w:pPr>
    <w:rPr>
      <w:i/>
      <w:sz w:val="22"/>
    </w:rPr>
  </w:style>
  <w:style w:type="paragraph" w:styleId="Header">
    <w:name w:val="header"/>
    <w:basedOn w:val="Normal"/>
    <w:link w:val="HeaderChar"/>
    <w:rsid w:val="0060380F"/>
    <w:pPr>
      <w:tabs>
        <w:tab w:val="center" w:pos="4536"/>
        <w:tab w:val="right" w:pos="9072"/>
      </w:tabs>
    </w:pPr>
  </w:style>
  <w:style w:type="character" w:styleId="HeaderChar" w:customStyle="1">
    <w:name w:val="Header Char"/>
    <w:link w:val="Header"/>
    <w:rsid w:val="0060380F"/>
    <w:rPr>
      <w:lang w:eastAsia="en-US"/>
    </w:rPr>
  </w:style>
  <w:style w:type="table" w:styleId="TableGrid">
    <w:name w:val="Table Grid"/>
    <w:basedOn w:val="TableNormal"/>
    <w:rsid w:val="009E072F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styleId="Hyperlink">
    <w:name w:val="Hyperlink"/>
    <w:rsid w:val="0026488C"/>
    <w:rPr>
      <w:color w:val="0000FF"/>
      <w:u w:val="single"/>
    </w:rPr>
  </w:style>
  <w:style w:type="paragraph" w:styleId="BalloonText">
    <w:name w:val="Balloon Text"/>
    <w:basedOn w:val="Normal"/>
    <w:link w:val="BalloonTextChar"/>
    <w:rsid w:val="00A46D2D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A46D2D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er" Target="footer1.xml" Id="rId8" /><Relationship Type="http://schemas.openxmlformats.org/officeDocument/2006/relationships/theme" Target="theme/theme1.xml" Id="rId13" /><Relationship Type="http://schemas.openxmlformats.org/officeDocument/2006/relationships/webSettings" Target="webSettings.xml" Id="rId3" /><Relationship Type="http://schemas.openxmlformats.org/officeDocument/2006/relationships/header" Target="header2.xml" Id="rId7" /><Relationship Type="http://schemas.openxmlformats.org/officeDocument/2006/relationships/fontTable" Target="fontTable.xml" Id="rId12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footer" Target="footer3.xml" Id="rId11" /><Relationship Type="http://schemas.openxmlformats.org/officeDocument/2006/relationships/endnotes" Target="endnotes.xml" Id="rId5" /><Relationship Type="http://schemas.openxmlformats.org/officeDocument/2006/relationships/header" Target="header3.xml" Id="rId10" /><Relationship Type="http://schemas.openxmlformats.org/officeDocument/2006/relationships/footnotes" Target="footnotes.xml" Id="rId4" /><Relationship Type="http://schemas.openxmlformats.org/officeDocument/2006/relationships/footer" Target="footer2.xml" Id="rId9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3-03-27T10:47:05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